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iem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E4F37E32-7904-CA64-F729-50816B67753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164" y="4560410"/>
            <a:ext cx="1381073" cy="21034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Graphics&#10;&#10;Automatisch gegenereerde beschrijving">
            <a:extLst>
              <a:ext uri="{FF2B5EF4-FFF2-40B4-BE49-F238E27FC236}">
                <a16:creationId xmlns:a16="http://schemas.microsoft.com/office/drawing/2014/main" id="{549FF4C4-1721-5609-FE7D-C9A94E592B9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7110" y="3761990"/>
            <a:ext cx="1016387" cy="154800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09T08:48:04Z</dcterms:modified>
</cp:coreProperties>
</file>